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4.告示起案（業務委託　２項目以上）\告示用\225\"/>
    </mc:Choice>
  </mc:AlternateContent>
  <xr:revisionPtr revIDLastSave="0" documentId="13_ncr:1_{EA8F37E0-1D6F-4A8C-93B6-C0064963F73E}" xr6:coauthVersionLast="47" xr6:coauthVersionMax="47" xr10:uidLastSave="{00000000-0000-0000-0000-000000000000}"/>
  <bookViews>
    <workbookView xWindow="-120" yWindow="-120" windowWidth="29040" windowHeight="15840" xr2:uid="{14DCC953-783E-4656-84DB-F00F78A7887A}"/>
  </bookViews>
  <sheets>
    <sheet name="225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5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1" uniqueCount="28">
  <si>
    <t>名称№２２５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汚泥処理業務（バキューム車使用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沈殿槽等の汚泥汲み上げ及び運搬・処理</t>
  </si>
  <si>
    <t>無機汚泥</t>
  </si>
  <si>
    <t>ｍ3</t>
  </si>
  <si>
    <t>有機汚泥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52A9D950-F3F3-4D22-8529-91585237E879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3BF864-FAA6-4ACE-9211-B4CE3705230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1" sqref="F11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8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7</v>
      </c>
      <c r="G10" s="32"/>
      <c r="H10" s="27"/>
    </row>
    <row r="11" spans="1:10" ht="24.95" customHeight="1" x14ac:dyDescent="0.15">
      <c r="A11" s="20"/>
      <c r="B11" s="28"/>
      <c r="C11" s="29"/>
      <c r="D11" s="30"/>
      <c r="E11" s="31"/>
      <c r="F11" s="25"/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6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7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8</v>
      </c>
      <c r="H42" s="56"/>
    </row>
    <row r="43" spans="1:8" ht="20.100000000000001" customHeight="1" x14ac:dyDescent="0.15">
      <c r="A43" s="56"/>
      <c r="B43" s="56" t="s">
        <v>19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0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1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2</v>
      </c>
      <c r="E46" s="56"/>
      <c r="F46" s="56"/>
      <c r="G46" s="56"/>
      <c r="H46" s="57" t="s">
        <v>23</v>
      </c>
    </row>
    <row r="47" spans="1:8" ht="20.100000000000001" customHeight="1" x14ac:dyDescent="0.15">
      <c r="A47" s="56"/>
      <c r="B47" s="56"/>
      <c r="C47" s="56"/>
      <c r="D47" s="57" t="s">
        <v>24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5</v>
      </c>
      <c r="E49" s="56"/>
      <c r="F49" s="59"/>
      <c r="G49" s="56"/>
      <c r="H49" s="57" t="s">
        <v>23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6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7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5</vt:lpstr>
      <vt:lpstr>'22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4:04Z</dcterms:created>
  <dcterms:modified xsi:type="dcterms:W3CDTF">2024-02-07T08:00:42Z</dcterms:modified>
</cp:coreProperties>
</file>